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7"/>
  </p:notesMasterIdLst>
  <p:sldIdLst>
    <p:sldId id="343" r:id="rId2"/>
    <p:sldId id="348" r:id="rId3"/>
    <p:sldId id="349" r:id="rId4"/>
    <p:sldId id="350" r:id="rId5"/>
    <p:sldId id="351" r:id="rId6"/>
  </p:sldIdLst>
  <p:sldSz cx="12192000" cy="6858000"/>
  <p:notesSz cx="6858000" cy="9144000"/>
  <p:custDataLst>
    <p:tags r:id="rId8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5806233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1','_parent');" TargetMode="Externa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Key Messages to Community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2" y="3535345"/>
            <a:ext cx="6979357" cy="707042"/>
          </a:xfrm>
          <a:prstGeom prst="rect">
            <a:avLst/>
          </a:prstGeom>
        </p:spPr>
        <p:txBody>
          <a:bodyPr anchor="b">
            <a:normAutofit fontScale="9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 smtClean="0">
                <a:solidFill>
                  <a:srgbClr val="000000"/>
                </a:solidFill>
                <a:effectLst/>
              </a:rPr>
              <a:t>Information </a:t>
            </a:r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to share with the community when possibl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2041813"/>
            <a:ext cx="7768867" cy="27743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Finally, here are a few messages that you should always make sure to share with the community to empower them to report misconducts when they happe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581891"/>
            <a:ext cx="7768867" cy="535131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Humanitarian aid is free and should be given without exchange of favors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Staff have a duty to treat you with dignity and respec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If you experience misconduct by any aid worker or related personnel, it is not your fault, and you have the right to report it directly to the organization or to a humanitarian worker you trus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When the misconduct constitutes criminal acts, you have the right also to report to the polic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243036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80" y="629587"/>
            <a:ext cx="7662656" cy="532701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Reporting incidents/concerns does not affect your access to services at any humanitarian organization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Reports are handled safely &amp; confidentially. Your name or information will not be shared without your consen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Survivors have the right to access safety, protection, psychosocial, medical, and legal support, and any other relevant service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ysClr val="windowText" lastClr="000000"/>
                  </a:solidFill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key_message_community"/>
  <p:tag name="ISPRING_PRESENTATION_TITLE" val="key_message_community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REEN_RECS_UPDATED" val="C:\Users\hp\Desktop\Projects\Nabad\Nabad\safeguarding\en\lessons\key_message_community\"/>
  <p:tag name="ISPRING_RESOURCE_FOLDER" val="C:\Users\hp\Desktop\Projects\Nabad\Nabad\safeguarding\en\lessons\key_message_community\"/>
  <p:tag name="ISPRING_PRESENTATION_PATH" val="C:\Users\hp\Desktop\Projects\Nabad\Nabad\safeguarding\en\lessons\key_message_community.pptx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5A1C97C3-B39F-4AC1-979F-0ABBC504667B}:349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85</TotalTime>
  <Words>184</Words>
  <Application>Microsoft Office PowerPoint</Application>
  <PresentationFormat>Widescreen</PresentationFormat>
  <Paragraphs>16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</vt:i4>
      </vt:variant>
    </vt:vector>
  </HeadingPairs>
  <TitlesOfParts>
    <vt:vector size="10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key_message_community</dc:title>
  <dc:creator>pc</dc:creator>
  <cp:lastModifiedBy>Maher</cp:lastModifiedBy>
  <cp:revision>750</cp:revision>
  <dcterms:created xsi:type="dcterms:W3CDTF">2022-11-16T16:05:09Z</dcterms:created>
  <dcterms:modified xsi:type="dcterms:W3CDTF">2024-09-23T13:03:16Z</dcterms:modified>
</cp:coreProperties>
</file>